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2\HP2402\"/>
    </mc:Choice>
  </mc:AlternateContent>
  <xr:revisionPtr revIDLastSave="0" documentId="8_{75C30D74-468F-4192-B12B-3CED18921814}" xr6:coauthVersionLast="47" xr6:coauthVersionMax="47" xr10:uidLastSave="{00000000-0000-0000-0000-000000000000}"/>
  <bookViews>
    <workbookView xWindow="-108" yWindow="-108" windowWidth="23256" windowHeight="12576" xr2:uid="{377FD938-E7EF-4331-8C3F-E68B29D1C29F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8" uniqueCount="34">
  <si>
    <t>富山市の人口</t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BC712198-DA60-4094-97B6-7B171B2A312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1E28C6-A970-4D95-9398-25401EDD9A30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2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264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5853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008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845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>
        <v>75</v>
      </c>
      <c r="C19" s="55">
        <v>90</v>
      </c>
      <c r="D19" s="56">
        <v>165</v>
      </c>
      <c r="E19" s="55">
        <v>224</v>
      </c>
      <c r="F19" s="55">
        <v>218</v>
      </c>
      <c r="G19" s="56">
        <v>442</v>
      </c>
      <c r="H19" s="56">
        <v>-277</v>
      </c>
      <c r="I19" s="55">
        <v>325</v>
      </c>
      <c r="J19" s="55">
        <v>102</v>
      </c>
      <c r="K19" s="55">
        <v>109</v>
      </c>
      <c r="L19" s="56">
        <v>211</v>
      </c>
      <c r="M19" s="55">
        <v>448</v>
      </c>
      <c r="N19" s="55">
        <v>328</v>
      </c>
      <c r="O19" s="55">
        <v>262</v>
      </c>
      <c r="P19" s="56">
        <v>590</v>
      </c>
      <c r="Q19" s="56">
        <v>801</v>
      </c>
      <c r="R19" s="55">
        <v>382</v>
      </c>
      <c r="S19" s="55">
        <v>117</v>
      </c>
      <c r="T19" s="55">
        <v>120</v>
      </c>
      <c r="U19" s="56">
        <v>237</v>
      </c>
      <c r="V19" s="55">
        <v>322</v>
      </c>
      <c r="W19" s="55">
        <v>312</v>
      </c>
      <c r="X19" s="55">
        <v>215</v>
      </c>
      <c r="Y19" s="56">
        <v>527</v>
      </c>
      <c r="Z19" s="56">
        <v>764</v>
      </c>
      <c r="AA19" s="56">
        <v>37</v>
      </c>
      <c r="AB19" s="56">
        <v>-240</v>
      </c>
      <c r="AC19" s="57">
        <v>185264</v>
      </c>
      <c r="AD19" s="57">
        <v>198008</v>
      </c>
      <c r="AE19" s="57">
        <v>207845</v>
      </c>
      <c r="AF19" s="58">
        <v>405853</v>
      </c>
    </row>
    <row r="20" spans="1:32" ht="20.100000000000001" customHeight="1" x14ac:dyDescent="0.2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88</v>
      </c>
      <c r="C30" s="70">
        <v>187</v>
      </c>
      <c r="D30" s="70">
        <v>375</v>
      </c>
      <c r="E30" s="70">
        <v>547</v>
      </c>
      <c r="F30" s="70">
        <v>474</v>
      </c>
      <c r="G30" s="70">
        <v>1021</v>
      </c>
      <c r="H30" s="70">
        <v>-646</v>
      </c>
      <c r="I30" s="70">
        <v>605</v>
      </c>
      <c r="J30" s="70">
        <v>203</v>
      </c>
      <c r="K30" s="70">
        <v>211</v>
      </c>
      <c r="L30" s="70">
        <v>414</v>
      </c>
      <c r="M30" s="70">
        <v>867</v>
      </c>
      <c r="N30" s="70">
        <v>678</v>
      </c>
      <c r="O30" s="70">
        <v>450</v>
      </c>
      <c r="P30" s="70">
        <v>1128</v>
      </c>
      <c r="Q30" s="70">
        <v>1542</v>
      </c>
      <c r="R30" s="70">
        <v>838</v>
      </c>
      <c r="S30" s="70">
        <v>239</v>
      </c>
      <c r="T30" s="70">
        <v>207</v>
      </c>
      <c r="U30" s="70">
        <v>446</v>
      </c>
      <c r="V30" s="70">
        <v>668</v>
      </c>
      <c r="W30" s="70">
        <v>643</v>
      </c>
      <c r="X30" s="70">
        <v>437</v>
      </c>
      <c r="Y30" s="70">
        <v>1080</v>
      </c>
      <c r="Z30" s="70">
        <v>1526</v>
      </c>
      <c r="AA30" s="70">
        <v>16</v>
      </c>
      <c r="AB30" s="70">
        <v>-630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3-01T07:58:25Z</dcterms:created>
  <dcterms:modified xsi:type="dcterms:W3CDTF">2024-03-01T07:58:25Z</dcterms:modified>
</cp:coreProperties>
</file>